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9" r:id="rId1"/>
  </p:sldMasterIdLst>
  <p:notesMasterIdLst>
    <p:notesMasterId r:id="rId14"/>
  </p:notesMasterIdLst>
  <p:sldIdLst>
    <p:sldId id="268" r:id="rId2"/>
    <p:sldId id="257" r:id="rId3"/>
    <p:sldId id="258" r:id="rId4"/>
    <p:sldId id="259" r:id="rId5"/>
    <p:sldId id="267" r:id="rId6"/>
    <p:sldId id="264" r:id="rId7"/>
    <p:sldId id="260" r:id="rId8"/>
    <p:sldId id="265" r:id="rId9"/>
    <p:sldId id="261" r:id="rId10"/>
    <p:sldId id="269" r:id="rId11"/>
    <p:sldId id="262" r:id="rId12"/>
    <p:sldId id="263" r:id="rId13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806" autoAdjust="0"/>
    <p:restoredTop sz="94660"/>
  </p:normalViewPr>
  <p:slideViewPr>
    <p:cSldViewPr snapToGrid="0">
      <p:cViewPr varScale="1">
        <p:scale>
          <a:sx n="79" d="100"/>
          <a:sy n="79" d="100"/>
        </p:scale>
        <p:origin x="132" y="33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151011-099C-43C2-85DA-8793B447CB57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8354BFC-8A29-4C1E-890B-A07852E3B3AA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312262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800"/>
            </a:lvl4pPr>
            <a:lvl5pPr marL="1828800" indent="0" algn="ctr">
              <a:buNone/>
              <a:defRPr sz="1800"/>
            </a:lvl5pPr>
            <a:lvl6pPr marL="2286000" indent="0" algn="ctr">
              <a:buNone/>
              <a:defRPr sz="1800"/>
            </a:lvl6pPr>
            <a:lvl7pPr marL="2743200" indent="0" algn="ctr">
              <a:buNone/>
              <a:defRPr sz="1800"/>
            </a:lvl7pPr>
            <a:lvl8pPr marL="3200400" indent="0" algn="ctr">
              <a:buNone/>
              <a:defRPr sz="1800"/>
            </a:lvl8pPr>
            <a:lvl9pPr marL="3657600" indent="0" algn="ctr">
              <a:buNone/>
              <a:defRPr sz="1800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596099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238688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762000"/>
            <a:ext cx="2628900" cy="5410200"/>
          </a:xfrm>
        </p:spPr>
        <p:txBody>
          <a:bodyPr vert="eaVert" lIns="45720" tIns="91440" rIns="45720" bIns="91440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90601" y="762000"/>
            <a:ext cx="7581900" cy="5410200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10058400" y="59263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3558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812640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b="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41076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24127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89320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552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300" b="0" cap="none" baseline="0">
                <a:solidFill>
                  <a:schemeClr val="accent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2412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99088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300" b="0" kern="1200" cap="none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99088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364707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44609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262504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24128" y="471509"/>
            <a:ext cx="438912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400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15000" y="822960"/>
            <a:ext cx="5678424" cy="518464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128" y="2257506"/>
            <a:ext cx="438912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793559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8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12188952" cy="4572000"/>
          </a:xfrm>
          <a:solidFill>
            <a:schemeClr val="accent1">
              <a:lumMod val="60000"/>
              <a:lumOff val="40000"/>
            </a:schemeClr>
          </a:solidFill>
        </p:spPr>
        <p:txBody>
          <a:bodyPr lIns="457200" tIns="365760" rIns="45720" bIns="45720"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10600" y="4960138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575923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286000"/>
            <a:ext cx="9720073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24129" y="6470704"/>
            <a:ext cx="2154143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ED03B9B2-6A96-4789-AFA9-B91D13DDAC79}" type="datetimeFigureOut">
              <a:rPr lang="de-DE" smtClean="0"/>
              <a:t>04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2932" y="6470704"/>
            <a:ext cx="5901459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837333" y="6470704"/>
            <a:ext cx="97366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20738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buNone/>
        <a:defRPr sz="5000" kern="1200" cap="all" spc="100" baseline="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Tw Cen MT" panose="020B0602020104020603" pitchFamily="34" charset="0"/>
        <a:buChar char=" 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26517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4480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9436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7724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91440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704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16152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4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Untertitel 2">
            <a:extLst>
              <a:ext uri="{FF2B5EF4-FFF2-40B4-BE49-F238E27FC236}">
                <a16:creationId xmlns:a16="http://schemas.microsoft.com/office/drawing/2014/main" id="{8BDB0A54-0CFE-4F49-97CC-774849D94C46}"/>
              </a:ext>
            </a:extLst>
          </p:cNvPr>
          <p:cNvSpPr txBox="1">
            <a:spLocks/>
          </p:cNvSpPr>
          <p:nvPr/>
        </p:nvSpPr>
        <p:spPr>
          <a:xfrm>
            <a:off x="8610600" y="4960137"/>
            <a:ext cx="3200400" cy="1463040"/>
          </a:xfrm>
          <a:prstGeom prst="rect">
            <a:avLst/>
          </a:prstGeom>
        </p:spPr>
        <p:txBody>
          <a:bodyPr vert="horz" lIns="45720" tIns="45720" rIns="45720" bIns="45720" rtlCol="0">
            <a:normAutofit fontScale="85000" lnSpcReduction="20000"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Tw Cen MT" panose="020B0602020104020603" pitchFamily="34" charset="0"/>
              <a:buChar char=" 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6517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480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9436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7724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1440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/>
              <a:t>TFE18-2</a:t>
            </a:r>
          </a:p>
          <a:p>
            <a:r>
              <a:rPr lang="de-DE" dirty="0"/>
              <a:t>Alexander Herrmann</a:t>
            </a:r>
          </a:p>
          <a:p>
            <a:r>
              <a:rPr lang="de-DE" dirty="0"/>
              <a:t>Johannes </a:t>
            </a:r>
            <a:r>
              <a:rPr lang="de-DE" dirty="0" err="1"/>
              <a:t>Ruffer</a:t>
            </a:r>
            <a:endParaRPr lang="de-DE" dirty="0"/>
          </a:p>
          <a:p>
            <a:r>
              <a:rPr lang="de-DE" dirty="0" err="1"/>
              <a:t>Serkant</a:t>
            </a:r>
            <a:r>
              <a:rPr lang="de-DE" dirty="0"/>
              <a:t> </a:t>
            </a:r>
            <a:r>
              <a:rPr lang="de-DE" dirty="0" err="1"/>
              <a:t>Soylu</a:t>
            </a:r>
            <a:endParaRPr lang="de-DE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99389" y="308343"/>
            <a:ext cx="10193221" cy="2668767"/>
          </a:xfrm>
        </p:spPr>
        <p:txBody>
          <a:bodyPr>
            <a:normAutofit/>
          </a:bodyPr>
          <a:lstStyle/>
          <a:p>
            <a:r>
              <a:rPr lang="de-DE" sz="6600" dirty="0"/>
              <a:t>CO2 Messgerät</a:t>
            </a:r>
            <a:br>
              <a:rPr lang="de-DE" sz="6600" dirty="0"/>
            </a:br>
            <a:r>
              <a:rPr lang="de-DE" sz="4800" dirty="0"/>
              <a:t>    -	für automatisierte Fensteransteuerung </a:t>
            </a:r>
            <a:endParaRPr lang="de-DE" sz="6600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B2FD5877-1F97-4326-A42A-BC867D57C41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" r="32534"/>
          <a:stretch/>
        </p:blipFill>
        <p:spPr>
          <a:xfrm>
            <a:off x="8327620" y="4949504"/>
            <a:ext cx="314879" cy="1463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471563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98BAFECA-D45C-46AE-AC5C-C1EC0CCA269F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8" t="1976" b="3541"/>
          <a:stretch/>
        </p:blipFill>
        <p:spPr>
          <a:xfrm>
            <a:off x="2505740" y="282796"/>
            <a:ext cx="7180520" cy="62924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488954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6E2527-6DDC-4292-9A75-4BE9FF41AA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Implementierung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AD593A67-2229-4680-B881-6041A835014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Programmiersprache: C</a:t>
            </a:r>
          </a:p>
          <a:p>
            <a:r>
              <a:rPr lang="de-DE" dirty="0"/>
              <a:t>Lines </a:t>
            </a:r>
            <a:r>
              <a:rPr lang="de-DE" dirty="0" err="1"/>
              <a:t>of</a:t>
            </a:r>
            <a:r>
              <a:rPr lang="de-DE" dirty="0"/>
              <a:t> Code: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87A34E34-22B4-4E32-9375-CC4DF49C7CA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64560891"/>
              </p:ext>
            </p:extLst>
          </p:nvPr>
        </p:nvGraphicFramePr>
        <p:xfrm>
          <a:off x="3010192" y="2899968"/>
          <a:ext cx="4880754" cy="741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40377">
                  <a:extLst>
                    <a:ext uri="{9D8B030D-6E8A-4147-A177-3AD203B41FA5}">
                      <a16:colId xmlns:a16="http://schemas.microsoft.com/office/drawing/2014/main" val="3094241284"/>
                    </a:ext>
                  </a:extLst>
                </a:gridCol>
                <a:gridCol w="2440377">
                  <a:extLst>
                    <a:ext uri="{9D8B030D-6E8A-4147-A177-3AD203B41FA5}">
                      <a16:colId xmlns:a16="http://schemas.microsoft.com/office/drawing/2014/main" val="278597131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Schätz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Is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6236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3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1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3294168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353415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6CF2011-6C88-4C88-9FCE-EC00841E0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ussicht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72F49453-DC31-4A37-9EC8-49A7297AB5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Hardware verbauen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Motor anstatt LED</a:t>
            </a:r>
          </a:p>
        </p:txBody>
      </p:sp>
    </p:spTree>
    <p:extLst>
      <p:ext uri="{BB962C8B-B14F-4D97-AF65-F5344CB8AC3E}">
        <p14:creationId xmlns:p14="http://schemas.microsoft.com/office/powerpoint/2010/main" val="5486987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genda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5F9BAA17-E23F-4F32-9840-D9C9500D1C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Einleitung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nforderungen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Projektpla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blauf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stenübersich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ufgabenverteilu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mplexitätsschätz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rchitektur &amp; Verhalten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Implementier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ussicht</a:t>
            </a:r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8141706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A69FFF-42B3-4BD4-A893-3613711561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inleitung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5DE74A5-B26E-4022-8D42-5E51265650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Fallbeispiel:</a:t>
            </a:r>
          </a:p>
          <a:p>
            <a:pPr lvl="1">
              <a:buFont typeface="Wingdings" panose="05000000000000000000" pitchFamily="2" charset="2"/>
              <a:buChar char="v"/>
            </a:pPr>
            <a:r>
              <a:rPr lang="de-DE" dirty="0"/>
              <a:t> Vorlesungsraum N119 um 11:57 Uhr</a:t>
            </a:r>
          </a:p>
        </p:txBody>
      </p:sp>
    </p:spTree>
    <p:extLst>
      <p:ext uri="{BB962C8B-B14F-4D97-AF65-F5344CB8AC3E}">
        <p14:creationId xmlns:p14="http://schemas.microsoft.com/office/powerpoint/2010/main" val="38862299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EB2646-A625-4741-A916-68D2DB3CB5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nforderungen </a:t>
            </a:r>
          </a:p>
        </p:txBody>
      </p:sp>
      <p:graphicFrame>
        <p:nvGraphicFramePr>
          <p:cNvPr id="4" name="Inhaltsplatzhalter 3">
            <a:extLst>
              <a:ext uri="{FF2B5EF4-FFF2-40B4-BE49-F238E27FC236}">
                <a16:creationId xmlns:a16="http://schemas.microsoft.com/office/drawing/2014/main" id="{1A758639-D1BD-48A7-9625-55359078E8B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96240949"/>
              </p:ext>
            </p:extLst>
          </p:nvPr>
        </p:nvGraphicFramePr>
        <p:xfrm>
          <a:off x="655490" y="1979432"/>
          <a:ext cx="5408612" cy="438012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7495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1511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513100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forderung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Echtzeitmessung der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Measuremen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41562410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2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Mindestmessbereich von 300 ppm bis 3000 ppm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Review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123673343"/>
                  </a:ext>
                </a:extLst>
              </a:tr>
              <a:tr h="8134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3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Visualisierung der Luftgüte </a:t>
                      </a:r>
                      <a:br>
                        <a:rPr lang="de-DE" sz="1600" u="none" strike="noStrike">
                          <a:effectLst/>
                        </a:rPr>
                      </a:br>
                      <a:r>
                        <a:rPr lang="de-DE" sz="1600" u="none" strike="noStrike">
                          <a:effectLst/>
                        </a:rPr>
                        <a:t>mithilfe von LEDs (gut, mittel, schlecht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948299221"/>
                  </a:ext>
                </a:extLst>
              </a:tr>
              <a:tr h="52561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4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usgabe d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 mithilfe von LCD-Display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2294328436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5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steuern eines Fenster-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scheibenmotors mithilfe einer LED simulier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93674587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6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schlech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öffnet sich (LED an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0835356"/>
                  </a:ext>
                </a:extLst>
              </a:tr>
            </a:tbl>
          </a:graphicData>
        </a:graphic>
      </p:graphicFrame>
      <p:graphicFrame>
        <p:nvGraphicFramePr>
          <p:cNvPr id="6" name="Inhaltsplatzhalter 3">
            <a:extLst>
              <a:ext uri="{FF2B5EF4-FFF2-40B4-BE49-F238E27FC236}">
                <a16:creationId xmlns:a16="http://schemas.microsoft.com/office/drawing/2014/main" id="{B47EE9E8-0DD6-429D-B794-849A03BF09C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701459580"/>
              </p:ext>
            </p:extLst>
          </p:nvPr>
        </p:nvGraphicFramePr>
        <p:xfrm>
          <a:off x="6159798" y="1979432"/>
          <a:ext cx="5419058" cy="438012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0222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5999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3283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732602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Anforderungen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8807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7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gu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schließt sich (LED aus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4063334588"/>
                  </a:ext>
                </a:extLst>
              </a:tr>
              <a:tr h="590225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8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Speichern im CSV-Forma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, Analysis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207088512"/>
                  </a:ext>
                </a:extLst>
              </a:tr>
              <a:tr h="71473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9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Externe Abfrage über USB-Schnittstelle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681964603"/>
                  </a:ext>
                </a:extLst>
              </a:tr>
              <a:tr h="146181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0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Benutzer kann zwischen drei Messprofilen auswählen (Messprofil: Abtastrate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34575685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72826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blauf</a:t>
            </a:r>
          </a:p>
        </p:txBody>
      </p: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77584461-F05E-4919-B4B0-45A8699908EC}"/>
              </a:ext>
            </a:extLst>
          </p:cNvPr>
          <p:cNvGrpSpPr/>
          <p:nvPr/>
        </p:nvGrpSpPr>
        <p:grpSpPr>
          <a:xfrm>
            <a:off x="228152" y="1905000"/>
            <a:ext cx="11735696" cy="3521498"/>
            <a:chOff x="120735" y="1133980"/>
            <a:chExt cx="11735696" cy="3521498"/>
          </a:xfrm>
        </p:grpSpPr>
        <p:sp>
          <p:nvSpPr>
            <p:cNvPr id="4" name="OTLSHAPE_TB_00000000000000000000000000000000_LeftEndCaps">
              <a:extLst>
                <a:ext uri="{FF2B5EF4-FFF2-40B4-BE49-F238E27FC236}">
                  <a16:creationId xmlns:a16="http://schemas.microsoft.com/office/drawing/2014/main" id="{D81290E8-4CD6-4826-8B22-BB0E96EDBCA3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311235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6" name="OTLSHAPE_TB_00000000000000000000000000000000_RightEndCaps">
              <a:extLst>
                <a:ext uri="{FF2B5EF4-FFF2-40B4-BE49-F238E27FC236}">
                  <a16:creationId xmlns:a16="http://schemas.microsoft.com/office/drawing/2014/main" id="{0C7547D7-FD31-4711-8C0C-7F3007A56914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1404769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cxnSp>
          <p:nvCxnSpPr>
            <p:cNvPr id="7" name="OTLSHAPE_T_27e983e739bd4538b4402909ad6c9729_HorizontalConnector1">
              <a:extLst>
                <a:ext uri="{FF2B5EF4-FFF2-40B4-BE49-F238E27FC236}">
                  <a16:creationId xmlns:a16="http://schemas.microsoft.com/office/drawing/2014/main" id="{5A5C13C2-93E6-44DF-846D-D95205848A0F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944669" y="2686978"/>
              <a:ext cx="49442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e1c009e5e662470494b06846654c890f_HorizontalConnector1">
              <a:extLst>
                <a:ext uri="{FF2B5EF4-FFF2-40B4-BE49-F238E27FC236}">
                  <a16:creationId xmlns:a16="http://schemas.microsoft.com/office/drawing/2014/main" id="{DA04B007-26B0-4C26-9DF2-C4FDF4A9988E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1107694" y="2953678"/>
              <a:ext cx="1440730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930f85c0f9ee4a9aae752cdc5691c2a2_HorizontalConnector1">
              <a:extLst>
                <a:ext uri="{FF2B5EF4-FFF2-40B4-BE49-F238E27FC236}">
                  <a16:creationId xmlns:a16="http://schemas.microsoft.com/office/drawing/2014/main" id="{2D4EA908-4868-4639-8109-11A70BB39D2D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640631" y="3220378"/>
              <a:ext cx="190779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T_fc3a03bffbf74e21b5cc5acedaab34f4_HorizontalConnector1">
              <a:extLst>
                <a:ext uri="{FF2B5EF4-FFF2-40B4-BE49-F238E27FC236}">
                  <a16:creationId xmlns:a16="http://schemas.microsoft.com/office/drawing/2014/main" id="{2CDFECDB-3CDD-4470-AC94-987D79E07CAA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870416" y="3487078"/>
              <a:ext cx="440865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T_05fc5a23e6854703843ab4d508cf51c6_HorizontalConnector1">
              <a:extLst>
                <a:ext uri="{FF2B5EF4-FFF2-40B4-BE49-F238E27FC236}">
                  <a16:creationId xmlns:a16="http://schemas.microsoft.com/office/drawing/2014/main" id="{EBBA19BB-F6CA-4D1E-A6F7-CDB4C54956FA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600414" y="3753778"/>
              <a:ext cx="544665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T_57580d2724a74672b63029512af95d04_HorizontalConnector1">
              <a:extLst>
                <a:ext uri="{FF2B5EF4-FFF2-40B4-BE49-F238E27FC236}">
                  <a16:creationId xmlns:a16="http://schemas.microsoft.com/office/drawing/2014/main" id="{3AB2F42E-E589-41FF-B729-3239FC338423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139275" y="4020478"/>
              <a:ext cx="490779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T_bcc16db58b8b4eb29d2773fa0eb9ef16_HorizontalConnector1">
              <a:extLst>
                <a:ext uri="{FF2B5EF4-FFF2-40B4-BE49-F238E27FC236}">
                  <a16:creationId xmlns:a16="http://schemas.microsoft.com/office/drawing/2014/main" id="{ECCCB112-89D4-4BFF-9B33-15453466B70F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525315" y="4287178"/>
              <a:ext cx="5009757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T_d56876cdfa064625b7847210d6486e17_HorizontalConnector1">
              <a:extLst>
                <a:ext uri="{FF2B5EF4-FFF2-40B4-BE49-F238E27FC236}">
                  <a16:creationId xmlns:a16="http://schemas.microsoft.com/office/drawing/2014/main" id="{75F20518-58C7-4C29-881C-1CD386A84EE0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1028404" y="4553878"/>
              <a:ext cx="288534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OTLSHAPE_TB_00000000000000000000000000000000_ScaleContainer">
              <a:extLst>
                <a:ext uri="{FF2B5EF4-FFF2-40B4-BE49-F238E27FC236}">
                  <a16:creationId xmlns:a16="http://schemas.microsoft.com/office/drawing/2014/main" id="{526648BA-4E02-440E-BEB7-617A8FB08491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927100" y="1688123"/>
              <a:ext cx="10337800" cy="381000"/>
            </a:xfrm>
            <a:prstGeom prst="rect">
              <a:avLst/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6" name="OTLSHAPE_TB_00000000000000000000000000000000_ElapsedTime">
              <a:extLst>
                <a:ext uri="{FF2B5EF4-FFF2-40B4-BE49-F238E27FC236}">
                  <a16:creationId xmlns:a16="http://schemas.microsoft.com/office/drawing/2014/main" id="{E5D87EEF-7FBA-4C48-A200-108BD93FB4EF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927099" y="2004819"/>
              <a:ext cx="5883273" cy="64304"/>
            </a:xfrm>
            <a:prstGeom prst="rect">
              <a:avLst/>
            </a:prstGeom>
            <a:solidFill>
              <a:srgbClr val="FF0000">
                <a:alpha val="7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7" name="OTLSHAPE_TB_00000000000000000000000000000000_TodayMarkerShape">
              <a:extLst>
                <a:ext uri="{FF2B5EF4-FFF2-40B4-BE49-F238E27FC236}">
                  <a16:creationId xmlns:a16="http://schemas.microsoft.com/office/drawing/2014/main" id="{F5976006-2124-4BE9-B5F0-943080FACDB9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6744415" y="2084448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8" name="OTLSHAPE_TB_00000000000000000000000000000000_TodayMarkerText">
              <a:extLst>
                <a:ext uri="{FF2B5EF4-FFF2-40B4-BE49-F238E27FC236}">
                  <a16:creationId xmlns:a16="http://schemas.microsoft.com/office/drawing/2014/main" id="{3906FC61-57A1-41FA-ACE5-087AD1C98185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6617415" y="2196123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sz="1200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19" name="OTLSHAPE_TB_00000000000000000000000000000000_TimescaleInterval1">
              <a:extLst>
                <a:ext uri="{FF2B5EF4-FFF2-40B4-BE49-F238E27FC236}">
                  <a16:creationId xmlns:a16="http://schemas.microsoft.com/office/drawing/2014/main" id="{117D07FD-3DEF-473E-8ECA-CC3BF69939EE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990600" y="1785596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Jan</a:t>
              </a:r>
            </a:p>
          </p:txBody>
        </p:sp>
        <p:sp>
          <p:nvSpPr>
            <p:cNvPr id="20" name="OTLSHAPE_TB_00000000000000000000000000000000_TimescaleInterval2">
              <a:extLst>
                <a:ext uri="{FF2B5EF4-FFF2-40B4-BE49-F238E27FC236}">
                  <a16:creationId xmlns:a16="http://schemas.microsoft.com/office/drawing/2014/main" id="{AE84B6DF-5F37-430F-B5B4-B693A7D78EF1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3635917" y="1785596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sp>
          <p:nvSpPr>
            <p:cNvPr id="21" name="OTLSHAPE_TB_00000000000000000000000000000000_TimescaleInterval3">
              <a:extLst>
                <a:ext uri="{FF2B5EF4-FFF2-40B4-BE49-F238E27FC236}">
                  <a16:creationId xmlns:a16="http://schemas.microsoft.com/office/drawing/2014/main" id="{54EB3068-39E0-40C0-AE34-CF182FA22F24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6110569" y="1785596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sp>
          <p:nvSpPr>
            <p:cNvPr id="22" name="OTLSHAPE_TB_00000000000000000000000000000000_TimescaleInterval4">
              <a:extLst>
                <a:ext uri="{FF2B5EF4-FFF2-40B4-BE49-F238E27FC236}">
                  <a16:creationId xmlns:a16="http://schemas.microsoft.com/office/drawing/2014/main" id="{32A4958F-5F75-4358-B40E-441362373D9B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8755886" y="1785596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cxnSp>
          <p:nvCxnSpPr>
            <p:cNvPr id="23" name="OTLSHAPE_TB_00000000000000000000000000000000_Separator1">
              <a:extLst>
                <a:ext uri="{FF2B5EF4-FFF2-40B4-BE49-F238E27FC236}">
                  <a16:creationId xmlns:a16="http://schemas.microsoft.com/office/drawing/2014/main" id="{607ADC20-AD1C-4EE9-A79B-61B259240852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3572417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TB_00000000000000000000000000000000_Separator2">
              <a:extLst>
                <a:ext uri="{FF2B5EF4-FFF2-40B4-BE49-F238E27FC236}">
                  <a16:creationId xmlns:a16="http://schemas.microsoft.com/office/drawing/2014/main" id="{CDB0C042-AE17-47C4-9289-C8C60EB63F57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6047068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TB_00000000000000000000000000000000_Separator3">
              <a:extLst>
                <a:ext uri="{FF2B5EF4-FFF2-40B4-BE49-F238E27FC236}">
                  <a16:creationId xmlns:a16="http://schemas.microsoft.com/office/drawing/2014/main" id="{F16CF9A8-A4B7-440C-A5A2-C7B89063F2E0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8692385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OTLSHAPE_T_27e983e739bd4538b4402909ad6c9729_Shape">
              <a:extLst>
                <a:ext uri="{FF2B5EF4-FFF2-40B4-BE49-F238E27FC236}">
                  <a16:creationId xmlns:a16="http://schemas.microsoft.com/office/drawing/2014/main" id="{AD8EAD73-9E73-42E8-B94D-95BF734581B8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1439097" y="25853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7" name="OTLSHAPE_T_e1c009e5e662470494b06846654c890f_Shape">
              <a:extLst>
                <a:ext uri="{FF2B5EF4-FFF2-40B4-BE49-F238E27FC236}">
                  <a16:creationId xmlns:a16="http://schemas.microsoft.com/office/drawing/2014/main" id="{588D3E58-0197-4DA7-A6AB-D69E7B00EB9D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2548424" y="28520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8" name="OTLSHAPE_T_930f85c0f9ee4a9aae752cdc5691c2a2_Shape">
              <a:extLst>
                <a:ext uri="{FF2B5EF4-FFF2-40B4-BE49-F238E27FC236}">
                  <a16:creationId xmlns:a16="http://schemas.microsoft.com/office/drawing/2014/main" id="{7BB7356B-CA4F-4CA1-AC86-529531CEC7DC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2548424" y="31187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9" name="OTLSHAPE_T_fc3a03bffbf74e21b5cc5acedaab34f4_Shape">
              <a:extLst>
                <a:ext uri="{FF2B5EF4-FFF2-40B4-BE49-F238E27FC236}">
                  <a16:creationId xmlns:a16="http://schemas.microsoft.com/office/drawing/2014/main" id="{480BFC15-D369-41D3-879D-A39934020B2B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5279074" y="3385478"/>
              <a:ext cx="7747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0" name="OTLSHAPE_T_05fc5a23e6854703843ab4d508cf51c6_Shape">
              <a:extLst>
                <a:ext uri="{FF2B5EF4-FFF2-40B4-BE49-F238E27FC236}">
                  <a16:creationId xmlns:a16="http://schemas.microsoft.com/office/drawing/2014/main" id="{DA61FD79-4350-4F21-9798-C78EA0F586C1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6047069" y="36521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1" name="OTLSHAPE_T_57580d2724a74672b63029512af95d04_Shape">
              <a:extLst>
                <a:ext uri="{FF2B5EF4-FFF2-40B4-BE49-F238E27FC236}">
                  <a16:creationId xmlns:a16="http://schemas.microsoft.com/office/drawing/2014/main" id="{BDA55027-6C15-4ECA-946D-7E3F5FA859E8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6047069" y="39188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2" name="OTLSHAPE_T_bcc16db58b8b4eb29d2773fa0eb9ef16_Shape">
              <a:extLst>
                <a:ext uri="{FF2B5EF4-FFF2-40B4-BE49-F238E27FC236}">
                  <a16:creationId xmlns:a16="http://schemas.microsoft.com/office/drawing/2014/main" id="{3670FB7B-CC29-483D-AA9E-5FCF8F78C3DB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5535072" y="41855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3" name="OTLSHAPE_T_d56876cdfa064625b7847210d6486e17_Shape">
              <a:extLst>
                <a:ext uri="{FF2B5EF4-FFF2-40B4-BE49-F238E27FC236}">
                  <a16:creationId xmlns:a16="http://schemas.microsoft.com/office/drawing/2014/main" id="{AE82C104-7953-4A04-A93A-ACA344A2D2E1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913749" y="4452278"/>
              <a:ext cx="58039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4" name="OTLSHAPE_T_27e983e739bd4538b4402909ad6c9729_JoinedDate">
              <a:extLst>
                <a:ext uri="{FF2B5EF4-FFF2-40B4-BE49-F238E27FC236}">
                  <a16:creationId xmlns:a16="http://schemas.microsoft.com/office/drawing/2014/main" id="{5D44267D-A4A8-4787-8F46-8B05B446B026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2599165" y="2609466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7 - Jan 19</a:t>
              </a:r>
            </a:p>
          </p:txBody>
        </p:sp>
        <p:sp>
          <p:nvSpPr>
            <p:cNvPr id="35" name="OTLSHAPE_T_27e983e739bd4538b4402909ad6c9729_Title">
              <a:extLst>
                <a:ext uri="{FF2B5EF4-FFF2-40B4-BE49-F238E27FC236}">
                  <a16:creationId xmlns:a16="http://schemas.microsoft.com/office/drawing/2014/main" id="{982D88FD-6F88-4974-A6AC-A578F0CBAAE4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120735" y="2601719"/>
              <a:ext cx="825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mponenten</a:t>
              </a:r>
            </a:p>
          </p:txBody>
        </p:sp>
        <p:sp>
          <p:nvSpPr>
            <p:cNvPr id="36" name="OTLSHAPE_T_e1c009e5e662470494b06846654c890f_JoinedDate">
              <a:extLst>
                <a:ext uri="{FF2B5EF4-FFF2-40B4-BE49-F238E27FC236}">
                  <a16:creationId xmlns:a16="http://schemas.microsoft.com/office/drawing/2014/main" id="{692C6FD3-8467-4BC8-AC91-F761BF00F0D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6097810" y="28761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7" name="OTLSHAPE_T_e1c009e5e662470494b06846654c890f_Title">
              <a:extLst>
                <a:ext uri="{FF2B5EF4-FFF2-40B4-BE49-F238E27FC236}">
                  <a16:creationId xmlns:a16="http://schemas.microsoft.com/office/drawing/2014/main" id="{D1C374F9-23C4-4A6A-88BE-BB146209B02D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120735" y="2868419"/>
              <a:ext cx="990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Schaltungslayout</a:t>
              </a:r>
            </a:p>
          </p:txBody>
        </p:sp>
        <p:sp>
          <p:nvSpPr>
            <p:cNvPr id="38" name="OTLSHAPE_T_930f85c0f9ee4a9aae752cdc5691c2a2_JoinedDate">
              <a:extLst>
                <a:ext uri="{FF2B5EF4-FFF2-40B4-BE49-F238E27FC236}">
                  <a16:creationId xmlns:a16="http://schemas.microsoft.com/office/drawing/2014/main" id="{EFEC5B8D-8D13-4C58-BD56-CEB93F2D9549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097810" y="31428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9" name="OTLSHAPE_T_930f85c0f9ee4a9aae752cdc5691c2a2_Title">
              <a:extLst>
                <a:ext uri="{FF2B5EF4-FFF2-40B4-BE49-F238E27FC236}">
                  <a16:creationId xmlns:a16="http://schemas.microsoft.com/office/drawing/2014/main" id="{590889B2-5BDF-4E2E-85E9-7ECFFB3AA428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120735" y="3135119"/>
              <a:ext cx="52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Software</a:t>
              </a:r>
            </a:p>
          </p:txBody>
        </p:sp>
        <p:sp>
          <p:nvSpPr>
            <p:cNvPr id="40" name="OTLSHAPE_T_fc3a03bffbf74e21b5cc5acedaab34f4_JoinedDate">
              <a:extLst>
                <a:ext uri="{FF2B5EF4-FFF2-40B4-BE49-F238E27FC236}">
                  <a16:creationId xmlns:a16="http://schemas.microsoft.com/office/drawing/2014/main" id="{1E28CD46-E6D0-44F7-A4F6-101819AE4981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6097810" y="3409566"/>
              <a:ext cx="787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1 - Feb 29</a:t>
              </a:r>
            </a:p>
          </p:txBody>
        </p:sp>
        <p:sp>
          <p:nvSpPr>
            <p:cNvPr id="41" name="OTLSHAPE_T_fc3a03bffbf74e21b5cc5acedaab34f4_Title">
              <a:extLst>
                <a:ext uri="{FF2B5EF4-FFF2-40B4-BE49-F238E27FC236}">
                  <a16:creationId xmlns:a16="http://schemas.microsoft.com/office/drawing/2014/main" id="{5CBEC1B6-CCEA-48F5-B5ED-320BFA3B4CAB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120735" y="3401819"/>
              <a:ext cx="76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nstruktion</a:t>
              </a:r>
            </a:p>
          </p:txBody>
        </p:sp>
        <p:sp>
          <p:nvSpPr>
            <p:cNvPr id="42" name="OTLSHAPE_T_05fc5a23e6854703843ab4d508cf51c6_JoinedDate">
              <a:extLst>
                <a:ext uri="{FF2B5EF4-FFF2-40B4-BE49-F238E27FC236}">
                  <a16:creationId xmlns:a16="http://schemas.microsoft.com/office/drawing/2014/main" id="{D716B8C4-83A3-423A-B4F6-4370CC3F2646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6695139" y="36762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3" name="OTLSHAPE_T_05fc5a23e6854703843ab4d508cf51c6_Title">
              <a:extLst>
                <a:ext uri="{FF2B5EF4-FFF2-40B4-BE49-F238E27FC236}">
                  <a16:creationId xmlns:a16="http://schemas.microsoft.com/office/drawing/2014/main" id="{0A937F34-CA06-4664-A427-A8FE58B819DB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120735" y="3668519"/>
              <a:ext cx="482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Drucken</a:t>
              </a:r>
            </a:p>
          </p:txBody>
        </p:sp>
        <p:sp>
          <p:nvSpPr>
            <p:cNvPr id="44" name="OTLSHAPE_T_57580d2724a74672b63029512af95d04_JoinedDate">
              <a:extLst>
                <a:ext uri="{FF2B5EF4-FFF2-40B4-BE49-F238E27FC236}">
                  <a16:creationId xmlns:a16="http://schemas.microsoft.com/office/drawing/2014/main" id="{83551795-F6B6-4DA5-B398-E0DE94C2EC81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695139" y="39429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5" name="OTLSHAPE_T_57580d2724a74672b63029512af95d04_Title">
              <a:extLst>
                <a:ext uri="{FF2B5EF4-FFF2-40B4-BE49-F238E27FC236}">
                  <a16:creationId xmlns:a16="http://schemas.microsoft.com/office/drawing/2014/main" id="{AFE0EDEA-4CC6-4CC1-8F1B-EB19B635FFA2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120735" y="3935219"/>
              <a:ext cx="102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Löten + Verbauen</a:t>
              </a:r>
            </a:p>
          </p:txBody>
        </p:sp>
        <p:sp>
          <p:nvSpPr>
            <p:cNvPr id="46" name="OTLSHAPE_T_bcc16db58b8b4eb29d2773fa0eb9ef16_JoinedDate">
              <a:extLst>
                <a:ext uri="{FF2B5EF4-FFF2-40B4-BE49-F238E27FC236}">
                  <a16:creationId xmlns:a16="http://schemas.microsoft.com/office/drawing/2014/main" id="{6189A67B-33B1-4166-9F73-672083763B52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695139" y="4209666"/>
              <a:ext cx="749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4 - Mar 7</a:t>
              </a:r>
            </a:p>
          </p:txBody>
        </p:sp>
        <p:sp>
          <p:nvSpPr>
            <p:cNvPr id="47" name="OTLSHAPE_T_bcc16db58b8b4eb29d2773fa0eb9ef16_Title">
              <a:extLst>
                <a:ext uri="{FF2B5EF4-FFF2-40B4-BE49-F238E27FC236}">
                  <a16:creationId xmlns:a16="http://schemas.microsoft.com/office/drawing/2014/main" id="{8FF2A974-ADDF-4538-81FE-FB5ACCDE2C08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120735" y="4201919"/>
              <a:ext cx="406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24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Testing</a:t>
              </a:r>
              <a:endParaRPr lang="de-DE" sz="1100" b="1" spc="-2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8" name="OTLSHAPE_T_d56876cdfa064625b7847210d6486e17_JoinedDate">
              <a:extLst>
                <a:ext uri="{FF2B5EF4-FFF2-40B4-BE49-F238E27FC236}">
                  <a16:creationId xmlns:a16="http://schemas.microsoft.com/office/drawing/2014/main" id="{8FEF3836-9BFC-4085-9119-78F8E953FB6B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9767121" y="4476366"/>
              <a:ext cx="723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Feb 5 - Apr 12</a:t>
              </a:r>
            </a:p>
          </p:txBody>
        </p:sp>
        <p:sp>
          <p:nvSpPr>
            <p:cNvPr id="49" name="OTLSHAPE_T_d56876cdfa064625b7847210d6486e17_Title">
              <a:extLst>
                <a:ext uri="{FF2B5EF4-FFF2-40B4-BE49-F238E27FC236}">
                  <a16:creationId xmlns:a16="http://schemas.microsoft.com/office/drawing/2014/main" id="{0EDD5793-E974-4124-957C-1A248F519EF0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120735" y="4468619"/>
              <a:ext cx="914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Dokumentation</a:t>
              </a:r>
            </a:p>
          </p:txBody>
        </p:sp>
        <p:sp>
          <p:nvSpPr>
            <p:cNvPr id="50" name="OTLSHAPE_M_32a67d7530184f46be151febd4049e9a_Shape">
              <a:extLst>
                <a:ext uri="{FF2B5EF4-FFF2-40B4-BE49-F238E27FC236}">
                  <a16:creationId xmlns:a16="http://schemas.microsoft.com/office/drawing/2014/main" id="{82617A1B-4E6F-477F-AB99-32DDAD7B51E7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6700705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1" name="OTLSHAPE_M_d4203a65bffc46009150beec4aedb44f_Shape">
              <a:extLst>
                <a:ext uri="{FF2B5EF4-FFF2-40B4-BE49-F238E27FC236}">
                  <a16:creationId xmlns:a16="http://schemas.microsoft.com/office/drawing/2014/main" id="{74BD9314-FEF0-414A-A355-0D8FF6553EF9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9602021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2" name="OTLSHAPE_M_32a67d7530184f46be151febd4049e9a_Title">
              <a:extLst>
                <a:ext uri="{FF2B5EF4-FFF2-40B4-BE49-F238E27FC236}">
                  <a16:creationId xmlns:a16="http://schemas.microsoft.com/office/drawing/2014/main" id="{96690B89-C915-495A-A13F-FF69DBA3200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6440567" y="1133980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Präsentation</a:t>
              </a:r>
            </a:p>
          </p:txBody>
        </p:sp>
        <p:sp>
          <p:nvSpPr>
            <p:cNvPr id="53" name="OTLSHAPE_M_32a67d7530184f46be151febd4049e9a_Date">
              <a:extLst>
                <a:ext uri="{FF2B5EF4-FFF2-40B4-BE49-F238E27FC236}">
                  <a16:creationId xmlns:a16="http://schemas.microsoft.com/office/drawing/2014/main" id="{5BB802C2-B359-48E8-BD5E-C2E20ECFAA27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6655260" y="1317198"/>
              <a:ext cx="317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r 9</a:t>
              </a:r>
            </a:p>
          </p:txBody>
        </p:sp>
        <p:sp>
          <p:nvSpPr>
            <p:cNvPr id="54" name="OTLSHAPE_M_d4203a65bffc46009150beec4aedb44f_Title">
              <a:extLst>
                <a:ext uri="{FF2B5EF4-FFF2-40B4-BE49-F238E27FC236}">
                  <a16:creationId xmlns:a16="http://schemas.microsoft.com/office/drawing/2014/main" id="{662CEC4D-C0C1-4B12-BE24-9A6B63EADDEF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9021482" y="1133980"/>
              <a:ext cx="1384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Abgabe Dokumentation</a:t>
              </a:r>
            </a:p>
          </p:txBody>
        </p:sp>
        <p:sp>
          <p:nvSpPr>
            <p:cNvPr id="55" name="OTLSHAPE_M_d4203a65bffc46009150beec4aedb44f_Date">
              <a:extLst>
                <a:ext uri="{FF2B5EF4-FFF2-40B4-BE49-F238E27FC236}">
                  <a16:creationId xmlns:a16="http://schemas.microsoft.com/office/drawing/2014/main" id="{1D488C25-659C-47AF-9E68-82127A96E0E3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9538986" y="1317198"/>
              <a:ext cx="342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6">
                  <a:solidFill>
                    <a:schemeClr val="dk2"/>
                  </a:solidFill>
                  <a:latin typeface="Calibri" panose="020F0502020204030204" pitchFamily="34" charset="0"/>
                </a:rPr>
                <a:t>Apr 12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37534566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stenübersicht</a:t>
            </a:r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59D8380E-0F75-4AAC-839C-8D075FE3E33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736819123"/>
              </p:ext>
            </p:extLst>
          </p:nvPr>
        </p:nvGraphicFramePr>
        <p:xfrm>
          <a:off x="2744178" y="2501900"/>
          <a:ext cx="6703644" cy="25958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3771017744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233787250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inkauf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Kos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0269969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Arduinoset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27,95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357379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O2 Sensor (CCS811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8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2378223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MicroSD</a:t>
                      </a:r>
                      <a:r>
                        <a:rPr lang="de-DE" dirty="0"/>
                        <a:t>-Modu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3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537366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LED-Fass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9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429244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Mechanische Bautei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3800199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nsti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6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20833047"/>
                  </a:ext>
                </a:extLst>
              </a:tr>
            </a:tbl>
          </a:graphicData>
        </a:graphic>
      </p:graphicFrame>
      <p:graphicFrame>
        <p:nvGraphicFramePr>
          <p:cNvPr id="8" name="Tabelle 8">
            <a:extLst>
              <a:ext uri="{FF2B5EF4-FFF2-40B4-BE49-F238E27FC236}">
                <a16:creationId xmlns:a16="http://schemas.microsoft.com/office/drawing/2014/main" id="{E8098666-D378-4387-B2BA-BF2210D2892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18170655"/>
              </p:ext>
            </p:extLst>
          </p:nvPr>
        </p:nvGraphicFramePr>
        <p:xfrm>
          <a:off x="2744178" y="5097780"/>
          <a:ext cx="6703644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1024232631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10388864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Gesam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3393878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0930391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ufgabenverteilung</a:t>
            </a:r>
          </a:p>
        </p:txBody>
      </p:sp>
      <p:graphicFrame>
        <p:nvGraphicFramePr>
          <p:cNvPr id="4" name="Tabelle 4">
            <a:extLst>
              <a:ext uri="{FF2B5EF4-FFF2-40B4-BE49-F238E27FC236}">
                <a16:creationId xmlns:a16="http://schemas.microsoft.com/office/drawing/2014/main" id="{B8EB007D-E724-4F9C-806B-6A4246DBA69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61222840"/>
              </p:ext>
            </p:extLst>
          </p:nvPr>
        </p:nvGraphicFramePr>
        <p:xfrm>
          <a:off x="1936920" y="2501900"/>
          <a:ext cx="7894488" cy="1854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31496">
                  <a:extLst>
                    <a:ext uri="{9D8B030D-6E8A-4147-A177-3AD203B41FA5}">
                      <a16:colId xmlns:a16="http://schemas.microsoft.com/office/drawing/2014/main" val="1970280750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1543126146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84827007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Alexander Herrman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Johannes </a:t>
                      </a:r>
                      <a:r>
                        <a:rPr lang="de-DE" dirty="0" err="1"/>
                        <a:t>Ruffer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Serkant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Soylu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6519241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Zeichnung Gehäu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4533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Lö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1276651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667045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189338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227225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mplexitätsschätzung</a:t>
            </a:r>
          </a:p>
        </p:txBody>
      </p:sp>
      <p:pic>
        <p:nvPicPr>
          <p:cNvPr id="4" name="Inhaltsplatzhalter 3">
            <a:extLst>
              <a:ext uri="{FF2B5EF4-FFF2-40B4-BE49-F238E27FC236}">
                <a16:creationId xmlns:a16="http://schemas.microsoft.com/office/drawing/2014/main" id="{A13503B0-1503-4FFD-AC97-CC6DEDA5105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0769" y="2084832"/>
            <a:ext cx="7786790" cy="3432544"/>
          </a:xfrm>
        </p:spPr>
      </p:pic>
      <p:sp>
        <p:nvSpPr>
          <p:cNvPr id="6" name="Ellipse 5">
            <a:extLst>
              <a:ext uri="{FF2B5EF4-FFF2-40B4-BE49-F238E27FC236}">
                <a16:creationId xmlns:a16="http://schemas.microsoft.com/office/drawing/2014/main" id="{6D106362-B0FF-4BDB-9688-884B107C7CE6}"/>
              </a:ext>
            </a:extLst>
          </p:cNvPr>
          <p:cNvSpPr/>
          <p:nvPr/>
        </p:nvSpPr>
        <p:spPr>
          <a:xfrm>
            <a:off x="7666072" y="3124533"/>
            <a:ext cx="765544" cy="293834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8611911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4A017A3-FFB4-4520-843F-EDD371D1ED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rchitektur &amp; Verhalten</a:t>
            </a:r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A6BFE119-F8BA-4118-92D3-F60A79E7554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58696" y="1509101"/>
            <a:ext cx="7874607" cy="53807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18457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ntegral">
  <a:themeElements>
    <a:clrScheme name="Integral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B9F25"/>
      </a:hlink>
      <a:folHlink>
        <a:srgbClr val="B26B02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85000"/>
            <a:satMod val="125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  <a:shade val="74000"/>
                <a:satMod val="230000"/>
              </a:schemeClr>
              <a:schemeClr val="phClr">
                <a:tint val="92000"/>
                <a:shade val="69000"/>
                <a:satMod val="250000"/>
              </a:schemeClr>
            </a:duotone>
          </a:blip>
          <a:tile tx="0" ty="0" sx="40000" sy="4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682D6EBE-8D36-4FF2-9DB3-F3D8D7B6715D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ntegral</Template>
  <TotalTime>0</TotalTime>
  <Words>313</Words>
  <Application>Microsoft Office PowerPoint</Application>
  <PresentationFormat>Breitbild</PresentationFormat>
  <Paragraphs>130</Paragraphs>
  <Slides>12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2</vt:i4>
      </vt:variant>
    </vt:vector>
  </HeadingPairs>
  <TitlesOfParts>
    <vt:vector size="19" baseType="lpstr">
      <vt:lpstr>Arial</vt:lpstr>
      <vt:lpstr>Calibri</vt:lpstr>
      <vt:lpstr>Tw Cen MT</vt:lpstr>
      <vt:lpstr>Tw Cen MT Condensed</vt:lpstr>
      <vt:lpstr>Wingdings</vt:lpstr>
      <vt:lpstr>Wingdings 3</vt:lpstr>
      <vt:lpstr>Integral</vt:lpstr>
      <vt:lpstr>CO2 Messgerät     - für automatisierte Fensteransteuerung </vt:lpstr>
      <vt:lpstr>Agenda </vt:lpstr>
      <vt:lpstr>Einleitung</vt:lpstr>
      <vt:lpstr>Anforderungen </vt:lpstr>
      <vt:lpstr>Projektplan - Ablauf</vt:lpstr>
      <vt:lpstr>Projektplan - Kostenübersicht</vt:lpstr>
      <vt:lpstr>Projektplan - Aufgabenverteilung</vt:lpstr>
      <vt:lpstr>Projektplan - Komplexitätsschätzung</vt:lpstr>
      <vt:lpstr>Architektur &amp; Verhalten</vt:lpstr>
      <vt:lpstr>PowerPoint-Präsentation</vt:lpstr>
      <vt:lpstr>Implementierung </vt:lpstr>
      <vt:lpstr>Aussich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icrocomputertechnik CO2 Messgerät</dc:title>
  <dc:creator>serkant soylu</dc:creator>
  <cp:lastModifiedBy>Alexander Herrmann</cp:lastModifiedBy>
  <cp:revision>58</cp:revision>
  <dcterms:created xsi:type="dcterms:W3CDTF">2020-03-02T15:47:06Z</dcterms:created>
  <dcterms:modified xsi:type="dcterms:W3CDTF">2020-03-04T13:24:16Z</dcterms:modified>
</cp:coreProperties>
</file>